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完了データ（庁内）\"/>
    </mc:Choice>
  </mc:AlternateContent>
  <bookViews>
    <workbookView xWindow="0" yWindow="0" windowWidth="28800" windowHeight="11490" tabRatio="882"/>
  </bookViews>
  <sheets>
    <sheet name="26-2" sheetId="13" r:id="rId1"/>
  </sheets>
  <definedNames>
    <definedName name="_xlnm.Print_Area" localSheetId="0">'26-2'!$A$1:$I$118</definedName>
    <definedName name="_xlnm.Print_Titles" localSheetId="0">'26-2'!$3:$4</definedName>
  </definedNames>
  <calcPr calcId="152511"/>
</workbook>
</file>

<file path=xl/calcChain.xml><?xml version="1.0" encoding="utf-8"?>
<calcChain xmlns="http://schemas.openxmlformats.org/spreadsheetml/2006/main">
  <c r="I113" i="13" l="1"/>
  <c r="H113" i="13"/>
  <c r="G113" i="13"/>
  <c r="F113" i="13"/>
  <c r="E113" i="13"/>
  <c r="D113" i="13"/>
</calcChain>
</file>

<file path=xl/sharedStrings.xml><?xml version="1.0" encoding="utf-8"?>
<sst xmlns="http://schemas.openxmlformats.org/spreadsheetml/2006/main" count="111" uniqueCount="16">
  <si>
    <t>国道</t>
    <rPh sb="0" eb="2">
      <t>コクドウ</t>
    </rPh>
    <phoneticPr fontId="2"/>
  </si>
  <si>
    <t>市道</t>
    <rPh sb="0" eb="2">
      <t>シドウ</t>
    </rPh>
    <phoneticPr fontId="2"/>
  </si>
  <si>
    <t>総数</t>
    <rPh sb="0" eb="2">
      <t>ソウスウ</t>
    </rPh>
    <phoneticPr fontId="2"/>
  </si>
  <si>
    <t>区分</t>
    <rPh sb="0" eb="2">
      <t>クブン</t>
    </rPh>
    <phoneticPr fontId="2"/>
  </si>
  <si>
    <t>永久橋</t>
    <rPh sb="0" eb="2">
      <t>エイキュウ</t>
    </rPh>
    <rPh sb="2" eb="3">
      <t>バシ</t>
    </rPh>
    <phoneticPr fontId="2"/>
  </si>
  <si>
    <t>木橋</t>
    <rPh sb="0" eb="1">
      <t>キ</t>
    </rPh>
    <rPh sb="1" eb="2">
      <t>ハシ</t>
    </rPh>
    <phoneticPr fontId="2"/>
  </si>
  <si>
    <t>橋数</t>
    <rPh sb="0" eb="1">
      <t>ハシ</t>
    </rPh>
    <rPh sb="1" eb="2">
      <t>カズ</t>
    </rPh>
    <phoneticPr fontId="2"/>
  </si>
  <si>
    <t>橋長</t>
    <rPh sb="0" eb="1">
      <t>ハシ</t>
    </rPh>
    <rPh sb="1" eb="2">
      <t>ナガ</t>
    </rPh>
    <phoneticPr fontId="2"/>
  </si>
  <si>
    <t>主要地方道</t>
    <rPh sb="0" eb="2">
      <t>シュヨウ</t>
    </rPh>
    <rPh sb="2" eb="4">
      <t>チホウ</t>
    </rPh>
    <rPh sb="4" eb="5">
      <t>ドウ</t>
    </rPh>
    <phoneticPr fontId="2"/>
  </si>
  <si>
    <t>各年度4月1日現在（単位：箇所,ｍ）</t>
    <rPh sb="0" eb="2">
      <t>カクネン</t>
    </rPh>
    <rPh sb="2" eb="3">
      <t>ド</t>
    </rPh>
    <rPh sb="4" eb="5">
      <t>ツキ</t>
    </rPh>
    <rPh sb="6" eb="7">
      <t>ヒ</t>
    </rPh>
    <rPh sb="7" eb="9">
      <t>ゲンザイ</t>
    </rPh>
    <rPh sb="10" eb="12">
      <t>タンイ</t>
    </rPh>
    <rPh sb="13" eb="15">
      <t>カショ</t>
    </rPh>
    <phoneticPr fontId="2"/>
  </si>
  <si>
    <t>一般県道</t>
    <rPh sb="0" eb="2">
      <t>イッパン</t>
    </rPh>
    <rPh sb="2" eb="3">
      <t>ケン</t>
    </rPh>
    <rPh sb="3" eb="4">
      <t>ミチ</t>
    </rPh>
    <phoneticPr fontId="2"/>
  </si>
  <si>
    <t>26-2　橋梁状況</t>
    <rPh sb="5" eb="7">
      <t>キョウリョウ</t>
    </rPh>
    <rPh sb="7" eb="9">
      <t>ジョウキョウ</t>
    </rPh>
    <phoneticPr fontId="2"/>
  </si>
  <si>
    <t>平成13年度</t>
    <rPh sb="0" eb="2">
      <t>ヘイセイ</t>
    </rPh>
    <rPh sb="4" eb="6">
      <t>ネンド</t>
    </rPh>
    <phoneticPr fontId="2"/>
  </si>
  <si>
    <t>資料：土木課・佐久建設事務所（道路現況調査）</t>
    <rPh sb="0" eb="2">
      <t>シリョウ</t>
    </rPh>
    <rPh sb="3" eb="6">
      <t>ドボクカ</t>
    </rPh>
    <rPh sb="7" eb="9">
      <t>サク</t>
    </rPh>
    <rPh sb="9" eb="11">
      <t>ケンセツ</t>
    </rPh>
    <rPh sb="11" eb="13">
      <t>ジム</t>
    </rPh>
    <rPh sb="13" eb="14">
      <t>ショ</t>
    </rPh>
    <rPh sb="15" eb="17">
      <t>ドウロ</t>
    </rPh>
    <rPh sb="17" eb="19">
      <t>ゲンキョウ</t>
    </rPh>
    <rPh sb="19" eb="21">
      <t>チョウサ</t>
    </rPh>
    <phoneticPr fontId="2"/>
  </si>
  <si>
    <t>年度</t>
    <rPh sb="0" eb="2">
      <t>ネンド</t>
    </rPh>
    <phoneticPr fontId="2"/>
  </si>
  <si>
    <t>令和3年1月に赤字の箇所を修正しました。</t>
    <rPh sb="0" eb="2">
      <t>レイワ</t>
    </rPh>
    <rPh sb="3" eb="4">
      <t>ネン</t>
    </rPh>
    <rPh sb="5" eb="6">
      <t>ガツ</t>
    </rPh>
    <rPh sb="7" eb="9">
      <t>アカジ</t>
    </rPh>
    <rPh sb="10" eb="12">
      <t>カショ</t>
    </rPh>
    <rPh sb="13" eb="15">
      <t>シュウセ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_);[Red]\(0\)"/>
    <numFmt numFmtId="177" formatCode="#,##0_);[Red]\(#,##0\)"/>
  </numFmts>
  <fonts count="10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2"/>
      <name val="ＭＳ 明朝"/>
      <family val="1"/>
      <charset val="128"/>
    </font>
    <font>
      <sz val="12"/>
      <name val="ＭＳ 明朝"/>
      <family val="1"/>
      <charset val="128"/>
    </font>
    <font>
      <sz val="12"/>
      <color rgb="FFFF0000"/>
      <name val="ＭＳ 明朝"/>
      <family val="1"/>
      <charset val="128"/>
    </font>
    <font>
      <sz val="11"/>
      <color rgb="FFFF0000"/>
      <name val="明朝"/>
      <family val="1"/>
      <charset val="128"/>
    </font>
    <font>
      <sz val="9"/>
      <color rgb="FFFF0000"/>
      <name val="明朝"/>
      <family val="1"/>
      <charset val="128"/>
    </font>
    <font>
      <sz val="11"/>
      <name val="明朝"/>
      <family val="1"/>
      <charset val="128"/>
    </font>
    <font>
      <sz val="12"/>
      <color rgb="FFFF0000"/>
      <name val="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69">
    <xf numFmtId="0" fontId="0" fillId="0" borderId="0" xfId="0"/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177" fontId="4" fillId="0" borderId="0" xfId="0" applyNumberFormat="1" applyFont="1" applyAlignment="1">
      <alignment vertical="center"/>
    </xf>
    <xf numFmtId="176" fontId="4" fillId="0" borderId="0" xfId="0" applyNumberFormat="1" applyFont="1" applyAlignment="1">
      <alignment horizontal="right" vertical="center"/>
    </xf>
    <xf numFmtId="177" fontId="4" fillId="0" borderId="2" xfId="0" applyNumberFormat="1" applyFont="1" applyBorder="1" applyAlignment="1">
      <alignment horizontal="center" vertical="center"/>
    </xf>
    <xf numFmtId="177" fontId="4" fillId="0" borderId="3" xfId="0" applyNumberFormat="1" applyFont="1" applyBorder="1" applyAlignment="1">
      <alignment horizontal="center" vertical="center"/>
    </xf>
    <xf numFmtId="177" fontId="4" fillId="0" borderId="4" xfId="0" applyNumberFormat="1" applyFont="1" applyBorder="1" applyAlignment="1">
      <alignment horizontal="center" vertical="center"/>
    </xf>
    <xf numFmtId="177" fontId="4" fillId="0" borderId="5" xfId="0" applyNumberFormat="1" applyFont="1" applyBorder="1" applyAlignment="1">
      <alignment horizontal="center" vertical="center"/>
    </xf>
    <xf numFmtId="176" fontId="4" fillId="0" borderId="6" xfId="0" applyNumberFormat="1" applyFont="1" applyBorder="1" applyAlignment="1">
      <alignment horizontal="center" vertical="center"/>
    </xf>
    <xf numFmtId="177" fontId="4" fillId="0" borderId="7" xfId="1" applyNumberFormat="1" applyFont="1" applyBorder="1" applyAlignment="1">
      <alignment vertical="center"/>
    </xf>
    <xf numFmtId="177" fontId="4" fillId="0" borderId="8" xfId="1" applyNumberFormat="1" applyFont="1" applyBorder="1" applyAlignment="1">
      <alignment vertical="center"/>
    </xf>
    <xf numFmtId="176" fontId="4" fillId="0" borderId="8" xfId="1" applyNumberFormat="1" applyFont="1" applyBorder="1" applyAlignment="1">
      <alignment vertical="center"/>
    </xf>
    <xf numFmtId="177" fontId="4" fillId="0" borderId="9" xfId="1" applyNumberFormat="1" applyFont="1" applyBorder="1" applyAlignment="1">
      <alignment vertical="center"/>
    </xf>
    <xf numFmtId="177" fontId="4" fillId="0" borderId="0" xfId="1" applyNumberFormat="1" applyFont="1" applyBorder="1" applyAlignment="1">
      <alignment vertical="center"/>
    </xf>
    <xf numFmtId="176" fontId="4" fillId="0" borderId="0" xfId="1" applyNumberFormat="1" applyFont="1" applyBorder="1" applyAlignment="1">
      <alignment vertical="center"/>
    </xf>
    <xf numFmtId="0" fontId="4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center" vertical="center" textRotation="255"/>
    </xf>
    <xf numFmtId="0" fontId="4" fillId="0" borderId="0" xfId="0" applyFont="1" applyBorder="1" applyAlignment="1">
      <alignment horizontal="center" vertical="center"/>
    </xf>
    <xf numFmtId="177" fontId="4" fillId="0" borderId="7" xfId="1" applyNumberFormat="1" applyFont="1" applyFill="1" applyBorder="1" applyAlignment="1">
      <alignment vertical="center"/>
    </xf>
    <xf numFmtId="177" fontId="4" fillId="0" borderId="8" xfId="1" applyNumberFormat="1" applyFont="1" applyFill="1" applyBorder="1" applyAlignment="1">
      <alignment vertical="center"/>
    </xf>
    <xf numFmtId="176" fontId="4" fillId="0" borderId="8" xfId="1" applyNumberFormat="1" applyFont="1" applyFill="1" applyBorder="1" applyAlignment="1">
      <alignment vertical="center"/>
    </xf>
    <xf numFmtId="177" fontId="4" fillId="0" borderId="9" xfId="1" applyNumberFormat="1" applyFont="1" applyFill="1" applyBorder="1" applyAlignment="1">
      <alignment vertical="center"/>
    </xf>
    <xf numFmtId="177" fontId="4" fillId="0" borderId="0" xfId="1" applyNumberFormat="1" applyFont="1" applyFill="1" applyBorder="1" applyAlignment="1">
      <alignment vertical="center"/>
    </xf>
    <xf numFmtId="176" fontId="4" fillId="0" borderId="0" xfId="1" applyNumberFormat="1" applyFont="1" applyFill="1" applyBorder="1" applyAlignment="1">
      <alignment vertical="center"/>
    </xf>
    <xf numFmtId="176" fontId="4" fillId="0" borderId="0" xfId="0" applyNumberFormat="1" applyFont="1" applyAlignment="1">
      <alignment vertical="center"/>
    </xf>
    <xf numFmtId="0" fontId="4" fillId="0" borderId="0" xfId="0" applyFont="1" applyBorder="1" applyAlignment="1">
      <alignment vertical="center"/>
    </xf>
    <xf numFmtId="0" fontId="4" fillId="0" borderId="10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4" fillId="0" borderId="10" xfId="0" applyFont="1" applyFill="1" applyBorder="1" applyAlignment="1">
      <alignment horizontal="center" vertical="center"/>
    </xf>
    <xf numFmtId="0" fontId="4" fillId="0" borderId="11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center" vertical="center" wrapText="1"/>
    </xf>
    <xf numFmtId="0" fontId="4" fillId="0" borderId="0" xfId="0" applyFont="1" applyFill="1" applyAlignment="1">
      <alignment vertical="center"/>
    </xf>
    <xf numFmtId="0" fontId="5" fillId="0" borderId="0" xfId="0" applyFont="1" applyFill="1" applyAlignment="1">
      <alignment vertical="center"/>
    </xf>
    <xf numFmtId="0" fontId="4" fillId="0" borderId="13" xfId="0" applyFont="1" applyBorder="1" applyAlignment="1">
      <alignment horizontal="center" vertical="center"/>
    </xf>
    <xf numFmtId="177" fontId="4" fillId="0" borderId="14" xfId="1" applyNumberFormat="1" applyFont="1" applyBorder="1" applyAlignment="1">
      <alignment vertical="center"/>
    </xf>
    <xf numFmtId="177" fontId="4" fillId="0" borderId="15" xfId="1" applyNumberFormat="1" applyFont="1" applyBorder="1" applyAlignment="1">
      <alignment vertical="center"/>
    </xf>
    <xf numFmtId="176" fontId="4" fillId="0" borderId="15" xfId="1" applyNumberFormat="1" applyFont="1" applyBorder="1" applyAlignment="1">
      <alignment vertical="center"/>
    </xf>
    <xf numFmtId="177" fontId="4" fillId="0" borderId="14" xfId="1" applyNumberFormat="1" applyFont="1" applyFill="1" applyBorder="1" applyAlignment="1">
      <alignment vertical="center"/>
    </xf>
    <xf numFmtId="177" fontId="4" fillId="0" borderId="15" xfId="1" applyNumberFormat="1" applyFont="1" applyFill="1" applyBorder="1" applyAlignment="1">
      <alignment vertical="center"/>
    </xf>
    <xf numFmtId="176" fontId="4" fillId="0" borderId="15" xfId="1" applyNumberFormat="1" applyFont="1" applyFill="1" applyBorder="1" applyAlignment="1">
      <alignment vertical="center"/>
    </xf>
    <xf numFmtId="0" fontId="4" fillId="0" borderId="13" xfId="0" applyFont="1" applyFill="1" applyBorder="1" applyAlignment="1">
      <alignment horizontal="center" vertical="center"/>
    </xf>
    <xf numFmtId="0" fontId="4" fillId="0" borderId="15" xfId="0" applyFont="1" applyFill="1" applyBorder="1" applyAlignment="1">
      <alignment horizontal="center" vertical="center" wrapText="1"/>
    </xf>
    <xf numFmtId="0" fontId="4" fillId="0" borderId="15" xfId="0" applyFont="1" applyFill="1" applyBorder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4" fillId="0" borderId="5" xfId="0" applyFont="1" applyFill="1" applyBorder="1" applyAlignment="1">
      <alignment horizontal="center" vertical="center" wrapText="1"/>
    </xf>
    <xf numFmtId="0" fontId="4" fillId="0" borderId="16" xfId="0" applyFont="1" applyFill="1" applyBorder="1" applyAlignment="1">
      <alignment horizontal="center" vertical="center" wrapText="1"/>
    </xf>
    <xf numFmtId="0" fontId="4" fillId="0" borderId="5" xfId="0" applyFont="1" applyBorder="1" applyAlignment="1">
      <alignment horizontal="center" vertical="center" wrapText="1"/>
    </xf>
    <xf numFmtId="0" fontId="4" fillId="0" borderId="16" xfId="0" applyFont="1" applyBorder="1" applyAlignment="1">
      <alignment horizontal="center" vertical="center" wrapText="1"/>
    </xf>
    <xf numFmtId="177" fontId="4" fillId="0" borderId="2" xfId="0" applyNumberFormat="1" applyFont="1" applyBorder="1" applyAlignment="1">
      <alignment horizontal="center" vertical="center"/>
    </xf>
    <xf numFmtId="177" fontId="4" fillId="0" borderId="6" xfId="0" applyNumberFormat="1" applyFont="1" applyBorder="1" applyAlignment="1">
      <alignment horizontal="center" vertical="center"/>
    </xf>
    <xf numFmtId="177" fontId="4" fillId="0" borderId="5" xfId="0" applyNumberFormat="1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15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13" xfId="0" applyFont="1" applyBorder="1" applyAlignment="1">
      <alignment horizontal="center" vertical="center"/>
    </xf>
    <xf numFmtId="0" fontId="6" fillId="0" borderId="0" xfId="0" applyFont="1" applyAlignment="1">
      <alignment vertical="center"/>
    </xf>
    <xf numFmtId="0" fontId="7" fillId="0" borderId="0" xfId="0" applyFont="1" applyAlignment="1">
      <alignment vertical="center"/>
    </xf>
    <xf numFmtId="0" fontId="8" fillId="0" borderId="0" xfId="0" applyFont="1" applyAlignment="1">
      <alignment vertical="center"/>
    </xf>
    <xf numFmtId="49" fontId="8" fillId="0" borderId="0" xfId="0" applyNumberFormat="1" applyFont="1" applyAlignment="1">
      <alignment vertical="center"/>
    </xf>
    <xf numFmtId="0" fontId="9" fillId="0" borderId="0" xfId="0" applyFont="1" applyAlignment="1">
      <alignment vertical="center"/>
    </xf>
    <xf numFmtId="177" fontId="5" fillId="0" borderId="8" xfId="1" applyNumberFormat="1" applyFont="1" applyFill="1" applyBorder="1" applyAlignment="1">
      <alignment vertical="center"/>
    </xf>
    <xf numFmtId="176" fontId="5" fillId="0" borderId="8" xfId="1" applyNumberFormat="1" applyFont="1" applyFill="1" applyBorder="1" applyAlignment="1">
      <alignment vertical="center"/>
    </xf>
    <xf numFmtId="176" fontId="5" fillId="0" borderId="15" xfId="1" applyNumberFormat="1" applyFont="1" applyFill="1" applyBorder="1" applyAlignment="1">
      <alignment vertical="center"/>
    </xf>
    <xf numFmtId="177" fontId="5" fillId="0" borderId="9" xfId="1" applyNumberFormat="1" applyFont="1" applyFill="1" applyBorder="1" applyAlignment="1">
      <alignment vertical="center"/>
    </xf>
    <xf numFmtId="177" fontId="5" fillId="0" borderId="0" xfId="1" applyNumberFormat="1" applyFont="1" applyFill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P118"/>
  <sheetViews>
    <sheetView tabSelected="1" view="pageBreakPreview" zoomScaleNormal="100" zoomScaleSheetLayoutView="100" workbookViewId="0">
      <pane xSplit="2" ySplit="4" topLeftCell="C5" activePane="bottomRight" state="frozen"/>
      <selection pane="topRight" activeCell="C1" sqref="C1"/>
      <selection pane="bottomLeft" activeCell="A4" sqref="A4"/>
      <selection pane="bottomRight" activeCell="A2" sqref="A2"/>
    </sheetView>
  </sheetViews>
  <sheetFormatPr defaultRowHeight="20.100000000000001" customHeight="1"/>
  <cols>
    <col min="1" max="1" width="8" style="2" customWidth="1"/>
    <col min="2" max="2" width="4.875" style="2" customWidth="1"/>
    <col min="3" max="3" width="12.375" style="2" customWidth="1"/>
    <col min="4" max="8" width="10.25" style="3" customWidth="1"/>
    <col min="9" max="9" width="10.25" style="25" customWidth="1"/>
    <col min="10" max="16384" width="9" style="2"/>
  </cols>
  <sheetData>
    <row r="1" spans="1:42" s="61" customFormat="1" ht="14.25">
      <c r="A1" s="63" t="s">
        <v>15</v>
      </c>
      <c r="B1" s="60"/>
      <c r="S1" s="62"/>
      <c r="T1" s="62"/>
      <c r="U1" s="62"/>
      <c r="V1" s="62"/>
      <c r="AM1" s="59"/>
      <c r="AN1" s="59"/>
      <c r="AO1" s="59"/>
      <c r="AP1" s="59"/>
    </row>
    <row r="2" spans="1:42" ht="15.95" customHeight="1">
      <c r="A2" s="1" t="s">
        <v>11</v>
      </c>
      <c r="I2" s="4" t="s">
        <v>9</v>
      </c>
    </row>
    <row r="3" spans="1:42" ht="15.95" customHeight="1">
      <c r="A3" s="53" t="s">
        <v>14</v>
      </c>
      <c r="B3" s="54"/>
      <c r="C3" s="57" t="s">
        <v>3</v>
      </c>
      <c r="D3" s="50" t="s">
        <v>2</v>
      </c>
      <c r="E3" s="52"/>
      <c r="F3" s="50" t="s">
        <v>4</v>
      </c>
      <c r="G3" s="52"/>
      <c r="H3" s="50" t="s">
        <v>5</v>
      </c>
      <c r="I3" s="51"/>
    </row>
    <row r="4" spans="1:42" ht="15.95" customHeight="1">
      <c r="A4" s="55"/>
      <c r="B4" s="56"/>
      <c r="C4" s="58"/>
      <c r="D4" s="5" t="s">
        <v>6</v>
      </c>
      <c r="E4" s="6" t="s">
        <v>7</v>
      </c>
      <c r="F4" s="7" t="s">
        <v>6</v>
      </c>
      <c r="G4" s="8" t="s">
        <v>7</v>
      </c>
      <c r="H4" s="7" t="s">
        <v>6</v>
      </c>
      <c r="I4" s="9" t="s">
        <v>7</v>
      </c>
    </row>
    <row r="5" spans="1:42" ht="15.95" customHeight="1">
      <c r="A5" s="48" t="s">
        <v>12</v>
      </c>
      <c r="B5" s="49"/>
      <c r="C5" s="27" t="s">
        <v>2</v>
      </c>
      <c r="D5" s="10">
        <v>909</v>
      </c>
      <c r="E5" s="11">
        <v>11896.6</v>
      </c>
      <c r="F5" s="11">
        <v>891</v>
      </c>
      <c r="G5" s="11">
        <v>11554.5</v>
      </c>
      <c r="H5" s="11">
        <v>18</v>
      </c>
      <c r="I5" s="12">
        <v>342.1</v>
      </c>
    </row>
    <row r="6" spans="1:42" ht="15.95" customHeight="1">
      <c r="A6" s="48"/>
      <c r="B6" s="49"/>
      <c r="C6" s="28" t="s">
        <v>0</v>
      </c>
      <c r="D6" s="13">
        <v>29</v>
      </c>
      <c r="E6" s="14">
        <v>1409.9999999999998</v>
      </c>
      <c r="F6" s="14">
        <v>29</v>
      </c>
      <c r="G6" s="14">
        <v>1409.9999999999998</v>
      </c>
      <c r="H6" s="14">
        <v>0</v>
      </c>
      <c r="I6" s="15">
        <v>0</v>
      </c>
    </row>
    <row r="7" spans="1:42" ht="15.95" customHeight="1">
      <c r="A7" s="48"/>
      <c r="B7" s="49"/>
      <c r="C7" s="28" t="s">
        <v>8</v>
      </c>
      <c r="D7" s="13">
        <v>39</v>
      </c>
      <c r="E7" s="14">
        <v>917.5</v>
      </c>
      <c r="F7" s="14">
        <v>39</v>
      </c>
      <c r="G7" s="14">
        <v>917.5</v>
      </c>
      <c r="H7" s="14">
        <v>0</v>
      </c>
      <c r="I7" s="15">
        <v>0</v>
      </c>
    </row>
    <row r="8" spans="1:42" ht="15.95" customHeight="1">
      <c r="A8" s="48"/>
      <c r="B8" s="49"/>
      <c r="C8" s="28" t="s">
        <v>10</v>
      </c>
      <c r="D8" s="13">
        <v>63</v>
      </c>
      <c r="E8" s="14">
        <v>1331</v>
      </c>
      <c r="F8" s="14">
        <v>63</v>
      </c>
      <c r="G8" s="14">
        <v>1331</v>
      </c>
      <c r="H8" s="14">
        <v>0</v>
      </c>
      <c r="I8" s="15">
        <v>0</v>
      </c>
    </row>
    <row r="9" spans="1:42" ht="15.95" customHeight="1">
      <c r="A9" s="48"/>
      <c r="B9" s="49"/>
      <c r="C9" s="35" t="s">
        <v>1</v>
      </c>
      <c r="D9" s="36">
        <v>778</v>
      </c>
      <c r="E9" s="37">
        <v>8238.1</v>
      </c>
      <c r="F9" s="37">
        <v>760</v>
      </c>
      <c r="G9" s="37">
        <v>7896</v>
      </c>
      <c r="H9" s="37">
        <v>18</v>
      </c>
      <c r="I9" s="38">
        <v>342.1</v>
      </c>
    </row>
    <row r="10" spans="1:42" ht="15.95" customHeight="1">
      <c r="A10" s="16"/>
      <c r="B10" s="17"/>
      <c r="C10" s="18"/>
      <c r="D10" s="14"/>
      <c r="E10" s="14"/>
      <c r="F10" s="14"/>
      <c r="G10" s="14"/>
      <c r="H10" s="14"/>
      <c r="I10" s="15"/>
    </row>
    <row r="11" spans="1:42" ht="15.95" customHeight="1">
      <c r="A11" s="48">
        <v>14</v>
      </c>
      <c r="B11" s="49"/>
      <c r="C11" s="27" t="s">
        <v>2</v>
      </c>
      <c r="D11" s="10">
        <v>909</v>
      </c>
      <c r="E11" s="11">
        <v>12389.8</v>
      </c>
      <c r="F11" s="11">
        <v>891</v>
      </c>
      <c r="G11" s="11">
        <v>12047.8</v>
      </c>
      <c r="H11" s="11">
        <v>18</v>
      </c>
      <c r="I11" s="12">
        <v>342</v>
      </c>
    </row>
    <row r="12" spans="1:42" ht="15.95" customHeight="1">
      <c r="A12" s="48"/>
      <c r="B12" s="49"/>
      <c r="C12" s="28" t="s">
        <v>0</v>
      </c>
      <c r="D12" s="13">
        <v>29</v>
      </c>
      <c r="E12" s="14">
        <v>1409.9999999999998</v>
      </c>
      <c r="F12" s="14">
        <v>29</v>
      </c>
      <c r="G12" s="14">
        <v>1409.9999999999998</v>
      </c>
      <c r="H12" s="14">
        <v>0</v>
      </c>
      <c r="I12" s="15">
        <v>0</v>
      </c>
    </row>
    <row r="13" spans="1:42" ht="15.95" customHeight="1">
      <c r="A13" s="48"/>
      <c r="B13" s="49"/>
      <c r="C13" s="28" t="s">
        <v>8</v>
      </c>
      <c r="D13" s="13">
        <v>39</v>
      </c>
      <c r="E13" s="14">
        <v>917.5</v>
      </c>
      <c r="F13" s="14">
        <v>39</v>
      </c>
      <c r="G13" s="14">
        <v>917.5</v>
      </c>
      <c r="H13" s="14">
        <v>0</v>
      </c>
      <c r="I13" s="15">
        <v>0</v>
      </c>
    </row>
    <row r="14" spans="1:42" ht="15.95" customHeight="1">
      <c r="A14" s="48"/>
      <c r="B14" s="49"/>
      <c r="C14" s="28" t="s">
        <v>10</v>
      </c>
      <c r="D14" s="13">
        <v>64</v>
      </c>
      <c r="E14" s="14">
        <v>1741.3000000000002</v>
      </c>
      <c r="F14" s="14">
        <v>64</v>
      </c>
      <c r="G14" s="14">
        <v>1741.3000000000002</v>
      </c>
      <c r="H14" s="14">
        <v>0</v>
      </c>
      <c r="I14" s="15">
        <v>0</v>
      </c>
    </row>
    <row r="15" spans="1:42" ht="15.95" customHeight="1">
      <c r="A15" s="48"/>
      <c r="B15" s="49"/>
      <c r="C15" s="35" t="s">
        <v>1</v>
      </c>
      <c r="D15" s="36">
        <v>777</v>
      </c>
      <c r="E15" s="37">
        <v>8321</v>
      </c>
      <c r="F15" s="37">
        <v>759</v>
      </c>
      <c r="G15" s="37">
        <v>7979</v>
      </c>
      <c r="H15" s="37">
        <v>18</v>
      </c>
      <c r="I15" s="38">
        <v>342</v>
      </c>
    </row>
    <row r="16" spans="1:42" ht="15.95" customHeight="1">
      <c r="A16" s="16"/>
      <c r="B16" s="17"/>
      <c r="C16" s="18"/>
      <c r="D16" s="14"/>
      <c r="E16" s="14"/>
      <c r="F16" s="14"/>
      <c r="G16" s="14"/>
      <c r="H16" s="14"/>
      <c r="I16" s="15"/>
    </row>
    <row r="17" spans="1:9" ht="15.95" customHeight="1">
      <c r="A17" s="48">
        <v>15</v>
      </c>
      <c r="B17" s="49"/>
      <c r="C17" s="27" t="s">
        <v>2</v>
      </c>
      <c r="D17" s="10">
        <v>902</v>
      </c>
      <c r="E17" s="11">
        <v>12552.300000000001</v>
      </c>
      <c r="F17" s="11">
        <v>886</v>
      </c>
      <c r="G17" s="11">
        <v>12237.2</v>
      </c>
      <c r="H17" s="11">
        <v>16</v>
      </c>
      <c r="I17" s="12">
        <v>315.10000000000002</v>
      </c>
    </row>
    <row r="18" spans="1:9" ht="15.95" customHeight="1">
      <c r="A18" s="48"/>
      <c r="B18" s="49"/>
      <c r="C18" s="28" t="s">
        <v>0</v>
      </c>
      <c r="D18" s="13">
        <v>29</v>
      </c>
      <c r="E18" s="14">
        <v>2068.1999999999998</v>
      </c>
      <c r="F18" s="14">
        <v>29</v>
      </c>
      <c r="G18" s="14">
        <v>2068.1999999999998</v>
      </c>
      <c r="H18" s="14">
        <v>0</v>
      </c>
      <c r="I18" s="15">
        <v>0</v>
      </c>
    </row>
    <row r="19" spans="1:9" ht="15.95" customHeight="1">
      <c r="A19" s="48"/>
      <c r="B19" s="49"/>
      <c r="C19" s="28" t="s">
        <v>8</v>
      </c>
      <c r="D19" s="13">
        <v>40</v>
      </c>
      <c r="E19" s="14">
        <v>972</v>
      </c>
      <c r="F19" s="14">
        <v>40</v>
      </c>
      <c r="G19" s="14">
        <v>972</v>
      </c>
      <c r="H19" s="14">
        <v>0</v>
      </c>
      <c r="I19" s="15">
        <v>0</v>
      </c>
    </row>
    <row r="20" spans="1:9" ht="15.95" customHeight="1">
      <c r="A20" s="48"/>
      <c r="B20" s="49"/>
      <c r="C20" s="28" t="s">
        <v>10</v>
      </c>
      <c r="D20" s="13">
        <v>64</v>
      </c>
      <c r="E20" s="14">
        <v>1207.8</v>
      </c>
      <c r="F20" s="14">
        <v>64</v>
      </c>
      <c r="G20" s="14">
        <v>1207.8</v>
      </c>
      <c r="H20" s="14">
        <v>0</v>
      </c>
      <c r="I20" s="15">
        <v>0</v>
      </c>
    </row>
    <row r="21" spans="1:9" ht="15.95" customHeight="1">
      <c r="A21" s="48"/>
      <c r="B21" s="49"/>
      <c r="C21" s="35" t="s">
        <v>1</v>
      </c>
      <c r="D21" s="36">
        <v>769</v>
      </c>
      <c r="E21" s="37">
        <v>8304.3000000000011</v>
      </c>
      <c r="F21" s="37">
        <v>753</v>
      </c>
      <c r="G21" s="37">
        <v>7989.2000000000007</v>
      </c>
      <c r="H21" s="37">
        <v>16</v>
      </c>
      <c r="I21" s="38">
        <v>315.10000000000002</v>
      </c>
    </row>
    <row r="22" spans="1:9" ht="15.95" customHeight="1">
      <c r="A22" s="16"/>
      <c r="B22" s="16"/>
      <c r="C22" s="18"/>
      <c r="D22" s="14"/>
      <c r="E22" s="14"/>
      <c r="F22" s="14"/>
      <c r="G22" s="14"/>
      <c r="H22" s="14"/>
      <c r="I22" s="15"/>
    </row>
    <row r="23" spans="1:9" ht="15.95" customHeight="1">
      <c r="A23" s="48">
        <v>16</v>
      </c>
      <c r="B23" s="49"/>
      <c r="C23" s="27" t="s">
        <v>2</v>
      </c>
      <c r="D23" s="10">
        <v>909</v>
      </c>
      <c r="E23" s="11">
        <v>12676.800000000001</v>
      </c>
      <c r="F23" s="11">
        <v>893</v>
      </c>
      <c r="G23" s="11">
        <v>12361.7</v>
      </c>
      <c r="H23" s="11">
        <v>16</v>
      </c>
      <c r="I23" s="12">
        <v>315.10000000000002</v>
      </c>
    </row>
    <row r="24" spans="1:9" ht="15.95" customHeight="1">
      <c r="A24" s="48"/>
      <c r="B24" s="49"/>
      <c r="C24" s="28" t="s">
        <v>0</v>
      </c>
      <c r="D24" s="13">
        <v>30</v>
      </c>
      <c r="E24" s="14">
        <v>2118.6999999999998</v>
      </c>
      <c r="F24" s="14">
        <v>30</v>
      </c>
      <c r="G24" s="14">
        <v>2118.6999999999998</v>
      </c>
      <c r="H24" s="14">
        <v>0</v>
      </c>
      <c r="I24" s="15">
        <v>0</v>
      </c>
    </row>
    <row r="25" spans="1:9" ht="15.95" customHeight="1">
      <c r="A25" s="48"/>
      <c r="B25" s="49"/>
      <c r="C25" s="28" t="s">
        <v>8</v>
      </c>
      <c r="D25" s="13">
        <v>40</v>
      </c>
      <c r="E25" s="14">
        <v>972</v>
      </c>
      <c r="F25" s="14">
        <v>40</v>
      </c>
      <c r="G25" s="14">
        <v>972</v>
      </c>
      <c r="H25" s="14">
        <v>0</v>
      </c>
      <c r="I25" s="15">
        <v>0</v>
      </c>
    </row>
    <row r="26" spans="1:9" ht="15.95" customHeight="1">
      <c r="A26" s="48"/>
      <c r="B26" s="49"/>
      <c r="C26" s="28" t="s">
        <v>10</v>
      </c>
      <c r="D26" s="13">
        <v>64</v>
      </c>
      <c r="E26" s="14">
        <v>1207.8</v>
      </c>
      <c r="F26" s="14">
        <v>64</v>
      </c>
      <c r="G26" s="14">
        <v>1207.8</v>
      </c>
      <c r="H26" s="14">
        <v>0</v>
      </c>
      <c r="I26" s="15">
        <v>0</v>
      </c>
    </row>
    <row r="27" spans="1:9" ht="15.95" customHeight="1">
      <c r="A27" s="48"/>
      <c r="B27" s="49"/>
      <c r="C27" s="35" t="s">
        <v>1</v>
      </c>
      <c r="D27" s="36">
        <v>775</v>
      </c>
      <c r="E27" s="37">
        <v>8378.3000000000011</v>
      </c>
      <c r="F27" s="37">
        <v>759</v>
      </c>
      <c r="G27" s="37">
        <v>8063.2000000000007</v>
      </c>
      <c r="H27" s="37">
        <v>16</v>
      </c>
      <c r="I27" s="38">
        <v>315.10000000000002</v>
      </c>
    </row>
    <row r="28" spans="1:9" ht="15.95" customHeight="1">
      <c r="A28" s="16"/>
      <c r="B28" s="17"/>
      <c r="C28" s="18"/>
      <c r="D28" s="14"/>
      <c r="E28" s="14"/>
      <c r="F28" s="14"/>
      <c r="G28" s="14"/>
      <c r="H28" s="14"/>
      <c r="I28" s="15"/>
    </row>
    <row r="29" spans="1:9" ht="15.95" customHeight="1">
      <c r="A29" s="48">
        <v>17</v>
      </c>
      <c r="B29" s="49"/>
      <c r="C29" s="27" t="s">
        <v>2</v>
      </c>
      <c r="D29" s="10">
        <v>905</v>
      </c>
      <c r="E29" s="11">
        <v>12660.5</v>
      </c>
      <c r="F29" s="11">
        <v>890</v>
      </c>
      <c r="G29" s="11">
        <v>12354.5</v>
      </c>
      <c r="H29" s="11">
        <v>15</v>
      </c>
      <c r="I29" s="12">
        <v>306</v>
      </c>
    </row>
    <row r="30" spans="1:9" ht="15.95" customHeight="1">
      <c r="A30" s="48"/>
      <c r="B30" s="49"/>
      <c r="C30" s="28" t="s">
        <v>0</v>
      </c>
      <c r="D30" s="13">
        <v>30</v>
      </c>
      <c r="E30" s="14">
        <v>2118.6999999999998</v>
      </c>
      <c r="F30" s="14">
        <v>30</v>
      </c>
      <c r="G30" s="14">
        <v>2118.6999999999998</v>
      </c>
      <c r="H30" s="14">
        <v>0</v>
      </c>
      <c r="I30" s="15">
        <v>0</v>
      </c>
    </row>
    <row r="31" spans="1:9" ht="15.95" customHeight="1">
      <c r="A31" s="48"/>
      <c r="B31" s="49"/>
      <c r="C31" s="28" t="s">
        <v>8</v>
      </c>
      <c r="D31" s="13">
        <v>39</v>
      </c>
      <c r="E31" s="14">
        <v>952</v>
      </c>
      <c r="F31" s="14">
        <v>39</v>
      </c>
      <c r="G31" s="14">
        <v>952</v>
      </c>
      <c r="H31" s="14">
        <v>0</v>
      </c>
      <c r="I31" s="15">
        <v>0</v>
      </c>
    </row>
    <row r="32" spans="1:9" ht="15.95" customHeight="1">
      <c r="A32" s="48"/>
      <c r="B32" s="49"/>
      <c r="C32" s="28" t="s">
        <v>10</v>
      </c>
      <c r="D32" s="13">
        <v>64</v>
      </c>
      <c r="E32" s="14">
        <v>1207.8</v>
      </c>
      <c r="F32" s="14">
        <v>64</v>
      </c>
      <c r="G32" s="14">
        <v>1207.8</v>
      </c>
      <c r="H32" s="14">
        <v>0</v>
      </c>
      <c r="I32" s="15">
        <v>0</v>
      </c>
    </row>
    <row r="33" spans="1:9" ht="15.95" customHeight="1">
      <c r="A33" s="48"/>
      <c r="B33" s="49"/>
      <c r="C33" s="35" t="s">
        <v>1</v>
      </c>
      <c r="D33" s="36">
        <v>772</v>
      </c>
      <c r="E33" s="37">
        <v>8382</v>
      </c>
      <c r="F33" s="37">
        <v>757</v>
      </c>
      <c r="G33" s="37">
        <v>8076</v>
      </c>
      <c r="H33" s="37">
        <v>15</v>
      </c>
      <c r="I33" s="38">
        <v>306</v>
      </c>
    </row>
    <row r="34" spans="1:9" ht="15.95" customHeight="1">
      <c r="A34" s="16"/>
      <c r="B34" s="16"/>
      <c r="C34" s="18"/>
      <c r="D34" s="14"/>
      <c r="E34" s="14"/>
      <c r="F34" s="14"/>
      <c r="G34" s="14"/>
      <c r="H34" s="14"/>
      <c r="I34" s="15"/>
    </row>
    <row r="35" spans="1:9" ht="15.95" customHeight="1">
      <c r="A35" s="48">
        <v>18</v>
      </c>
      <c r="B35" s="49"/>
      <c r="C35" s="27" t="s">
        <v>2</v>
      </c>
      <c r="D35" s="19">
        <v>907</v>
      </c>
      <c r="E35" s="20">
        <v>12837</v>
      </c>
      <c r="F35" s="20">
        <v>892</v>
      </c>
      <c r="G35" s="20">
        <v>12531</v>
      </c>
      <c r="H35" s="20">
        <v>15</v>
      </c>
      <c r="I35" s="21">
        <v>306</v>
      </c>
    </row>
    <row r="36" spans="1:9" ht="15.95" customHeight="1">
      <c r="A36" s="48"/>
      <c r="B36" s="49"/>
      <c r="C36" s="28" t="s">
        <v>0</v>
      </c>
      <c r="D36" s="22">
        <v>30</v>
      </c>
      <c r="E36" s="23">
        <v>2119</v>
      </c>
      <c r="F36" s="23">
        <v>30</v>
      </c>
      <c r="G36" s="23">
        <v>2119</v>
      </c>
      <c r="H36" s="23">
        <v>0</v>
      </c>
      <c r="I36" s="24">
        <v>0</v>
      </c>
    </row>
    <row r="37" spans="1:9" ht="15.95" customHeight="1">
      <c r="A37" s="48"/>
      <c r="B37" s="49"/>
      <c r="C37" s="28" t="s">
        <v>8</v>
      </c>
      <c r="D37" s="22">
        <v>42</v>
      </c>
      <c r="E37" s="23">
        <v>1026</v>
      </c>
      <c r="F37" s="23">
        <v>42</v>
      </c>
      <c r="G37" s="23">
        <v>1026</v>
      </c>
      <c r="H37" s="23">
        <v>0</v>
      </c>
      <c r="I37" s="24">
        <v>0</v>
      </c>
    </row>
    <row r="38" spans="1:9" ht="15.95" customHeight="1">
      <c r="A38" s="48"/>
      <c r="B38" s="49"/>
      <c r="C38" s="28" t="s">
        <v>10</v>
      </c>
      <c r="D38" s="22">
        <v>64</v>
      </c>
      <c r="E38" s="23">
        <v>1208</v>
      </c>
      <c r="F38" s="23">
        <v>64</v>
      </c>
      <c r="G38" s="23">
        <v>1208</v>
      </c>
      <c r="H38" s="23">
        <v>0</v>
      </c>
      <c r="I38" s="24">
        <v>0</v>
      </c>
    </row>
    <row r="39" spans="1:9" ht="15.95" customHeight="1">
      <c r="A39" s="48"/>
      <c r="B39" s="49"/>
      <c r="C39" s="35" t="s">
        <v>1</v>
      </c>
      <c r="D39" s="39">
        <v>771</v>
      </c>
      <c r="E39" s="40">
        <v>8484</v>
      </c>
      <c r="F39" s="40">
        <v>756</v>
      </c>
      <c r="G39" s="40">
        <v>8178</v>
      </c>
      <c r="H39" s="40">
        <v>15</v>
      </c>
      <c r="I39" s="41">
        <v>306</v>
      </c>
    </row>
    <row r="40" spans="1:9" ht="15.95" customHeight="1">
      <c r="A40" s="16"/>
      <c r="B40" s="16"/>
      <c r="C40" s="18"/>
      <c r="D40" s="23"/>
      <c r="E40" s="23"/>
      <c r="F40" s="23"/>
      <c r="G40" s="23"/>
      <c r="H40" s="23"/>
      <c r="I40" s="24"/>
    </row>
    <row r="41" spans="1:9" ht="15.95" customHeight="1">
      <c r="A41" s="48">
        <v>19</v>
      </c>
      <c r="B41" s="49"/>
      <c r="C41" s="27" t="s">
        <v>2</v>
      </c>
      <c r="D41" s="19">
        <v>905</v>
      </c>
      <c r="E41" s="20">
        <v>12751</v>
      </c>
      <c r="F41" s="20">
        <v>890</v>
      </c>
      <c r="G41" s="20">
        <v>12445</v>
      </c>
      <c r="H41" s="20">
        <v>15</v>
      </c>
      <c r="I41" s="21">
        <v>306</v>
      </c>
    </row>
    <row r="42" spans="1:9" ht="15.95" customHeight="1">
      <c r="A42" s="48"/>
      <c r="B42" s="49"/>
      <c r="C42" s="28" t="s">
        <v>0</v>
      </c>
      <c r="D42" s="22">
        <v>28</v>
      </c>
      <c r="E42" s="23">
        <v>2057</v>
      </c>
      <c r="F42" s="23">
        <v>28</v>
      </c>
      <c r="G42" s="23">
        <v>2057</v>
      </c>
      <c r="H42" s="23">
        <v>0</v>
      </c>
      <c r="I42" s="24">
        <v>0</v>
      </c>
    </row>
    <row r="43" spans="1:9" ht="15.95" customHeight="1">
      <c r="A43" s="48"/>
      <c r="B43" s="49"/>
      <c r="C43" s="28" t="s">
        <v>8</v>
      </c>
      <c r="D43" s="22">
        <v>42</v>
      </c>
      <c r="E43" s="23">
        <v>1026</v>
      </c>
      <c r="F43" s="23">
        <v>42</v>
      </c>
      <c r="G43" s="23">
        <v>1026</v>
      </c>
      <c r="H43" s="23">
        <v>0</v>
      </c>
      <c r="I43" s="24">
        <v>0</v>
      </c>
    </row>
    <row r="44" spans="1:9" ht="15.95" customHeight="1">
      <c r="A44" s="48"/>
      <c r="B44" s="49"/>
      <c r="C44" s="28" t="s">
        <v>10</v>
      </c>
      <c r="D44" s="22">
        <v>64</v>
      </c>
      <c r="E44" s="23">
        <v>1179</v>
      </c>
      <c r="F44" s="23">
        <v>64</v>
      </c>
      <c r="G44" s="23">
        <v>1179</v>
      </c>
      <c r="H44" s="23">
        <v>0</v>
      </c>
      <c r="I44" s="24">
        <v>0</v>
      </c>
    </row>
    <row r="45" spans="1:9" ht="15.95" customHeight="1">
      <c r="A45" s="48"/>
      <c r="B45" s="49"/>
      <c r="C45" s="35" t="s">
        <v>1</v>
      </c>
      <c r="D45" s="39">
        <v>771</v>
      </c>
      <c r="E45" s="40">
        <v>8489</v>
      </c>
      <c r="F45" s="40">
        <v>756</v>
      </c>
      <c r="G45" s="40">
        <v>8183</v>
      </c>
      <c r="H45" s="40">
        <v>15</v>
      </c>
      <c r="I45" s="41">
        <v>306</v>
      </c>
    </row>
    <row r="46" spans="1:9" ht="15.95" customHeight="1">
      <c r="A46" s="16"/>
      <c r="B46" s="16"/>
      <c r="C46" s="18"/>
      <c r="D46" s="23"/>
      <c r="E46" s="23"/>
      <c r="F46" s="23"/>
      <c r="G46" s="23"/>
      <c r="H46" s="23"/>
      <c r="I46" s="24"/>
    </row>
    <row r="47" spans="1:9" ht="15.95" customHeight="1">
      <c r="A47" s="46">
        <v>20</v>
      </c>
      <c r="B47" s="47"/>
      <c r="C47" s="29" t="s">
        <v>2</v>
      </c>
      <c r="D47" s="19">
        <v>902</v>
      </c>
      <c r="E47" s="20">
        <v>12837</v>
      </c>
      <c r="F47" s="20">
        <v>887</v>
      </c>
      <c r="G47" s="20">
        <v>12531</v>
      </c>
      <c r="H47" s="20">
        <v>15</v>
      </c>
      <c r="I47" s="21">
        <v>306</v>
      </c>
    </row>
    <row r="48" spans="1:9" ht="15.95" customHeight="1">
      <c r="A48" s="46"/>
      <c r="B48" s="47"/>
      <c r="C48" s="30" t="s">
        <v>0</v>
      </c>
      <c r="D48" s="22">
        <v>28</v>
      </c>
      <c r="E48" s="23">
        <v>2057</v>
      </c>
      <c r="F48" s="23">
        <v>28</v>
      </c>
      <c r="G48" s="23">
        <v>2057</v>
      </c>
      <c r="H48" s="23">
        <v>0</v>
      </c>
      <c r="I48" s="24">
        <v>0</v>
      </c>
    </row>
    <row r="49" spans="1:9" ht="15.95" customHeight="1">
      <c r="A49" s="46"/>
      <c r="B49" s="47"/>
      <c r="C49" s="30" t="s">
        <v>8</v>
      </c>
      <c r="D49" s="22">
        <v>42</v>
      </c>
      <c r="E49" s="23">
        <v>1026</v>
      </c>
      <c r="F49" s="23">
        <v>42</v>
      </c>
      <c r="G49" s="23">
        <v>1026</v>
      </c>
      <c r="H49" s="23">
        <v>0</v>
      </c>
      <c r="I49" s="24">
        <v>0</v>
      </c>
    </row>
    <row r="50" spans="1:9" ht="15.95" customHeight="1">
      <c r="A50" s="46"/>
      <c r="B50" s="47"/>
      <c r="C50" s="30" t="s">
        <v>10</v>
      </c>
      <c r="D50" s="22">
        <v>64</v>
      </c>
      <c r="E50" s="23">
        <v>1188</v>
      </c>
      <c r="F50" s="23">
        <v>64</v>
      </c>
      <c r="G50" s="23">
        <v>1188</v>
      </c>
      <c r="H50" s="23">
        <v>0</v>
      </c>
      <c r="I50" s="24">
        <v>0</v>
      </c>
    </row>
    <row r="51" spans="1:9" ht="15.95" customHeight="1">
      <c r="A51" s="46"/>
      <c r="B51" s="47"/>
      <c r="C51" s="42" t="s">
        <v>1</v>
      </c>
      <c r="D51" s="39">
        <v>768</v>
      </c>
      <c r="E51" s="40">
        <v>8566</v>
      </c>
      <c r="F51" s="40">
        <v>753</v>
      </c>
      <c r="G51" s="40">
        <v>8260</v>
      </c>
      <c r="H51" s="40">
        <v>15</v>
      </c>
      <c r="I51" s="41">
        <v>306</v>
      </c>
    </row>
    <row r="52" spans="1:9" s="26" customFormat="1" ht="15.95" customHeight="1">
      <c r="A52" s="32"/>
      <c r="B52" s="32"/>
      <c r="C52" s="31"/>
      <c r="D52" s="23"/>
      <c r="E52" s="23"/>
      <c r="F52" s="23"/>
      <c r="G52" s="23"/>
      <c r="H52" s="23"/>
      <c r="I52" s="24"/>
    </row>
    <row r="53" spans="1:9" ht="15.95" customHeight="1">
      <c r="A53" s="46">
        <v>21</v>
      </c>
      <c r="B53" s="47"/>
      <c r="C53" s="29" t="s">
        <v>2</v>
      </c>
      <c r="D53" s="19">
        <v>901</v>
      </c>
      <c r="E53" s="20">
        <v>13281</v>
      </c>
      <c r="F53" s="20">
        <v>886</v>
      </c>
      <c r="G53" s="20">
        <v>12975</v>
      </c>
      <c r="H53" s="20">
        <v>15</v>
      </c>
      <c r="I53" s="21">
        <v>306</v>
      </c>
    </row>
    <row r="54" spans="1:9" ht="15.95" customHeight="1">
      <c r="A54" s="46"/>
      <c r="B54" s="47"/>
      <c r="C54" s="30" t="s">
        <v>0</v>
      </c>
      <c r="D54" s="22">
        <v>30</v>
      </c>
      <c r="E54" s="23">
        <v>2241</v>
      </c>
      <c r="F54" s="23">
        <v>30</v>
      </c>
      <c r="G54" s="23">
        <v>2241</v>
      </c>
      <c r="H54" s="23">
        <v>0</v>
      </c>
      <c r="I54" s="24">
        <v>0</v>
      </c>
    </row>
    <row r="55" spans="1:9" ht="15.95" customHeight="1">
      <c r="A55" s="46"/>
      <c r="B55" s="47"/>
      <c r="C55" s="30" t="s">
        <v>8</v>
      </c>
      <c r="D55" s="22">
        <v>42</v>
      </c>
      <c r="E55" s="23">
        <v>1159</v>
      </c>
      <c r="F55" s="23">
        <v>42</v>
      </c>
      <c r="G55" s="23">
        <v>1159</v>
      </c>
      <c r="H55" s="23">
        <v>0</v>
      </c>
      <c r="I55" s="24">
        <v>0</v>
      </c>
    </row>
    <row r="56" spans="1:9" ht="15.95" customHeight="1">
      <c r="A56" s="46"/>
      <c r="B56" s="47"/>
      <c r="C56" s="30" t="s">
        <v>10</v>
      </c>
      <c r="D56" s="22">
        <v>63</v>
      </c>
      <c r="E56" s="23">
        <v>1171</v>
      </c>
      <c r="F56" s="23">
        <v>63</v>
      </c>
      <c r="G56" s="23">
        <v>1171</v>
      </c>
      <c r="H56" s="23">
        <v>0</v>
      </c>
      <c r="I56" s="24">
        <v>0</v>
      </c>
    </row>
    <row r="57" spans="1:9" ht="15.95" customHeight="1">
      <c r="A57" s="46"/>
      <c r="B57" s="47"/>
      <c r="C57" s="42" t="s">
        <v>1</v>
      </c>
      <c r="D57" s="39">
        <v>766</v>
      </c>
      <c r="E57" s="40">
        <v>8710</v>
      </c>
      <c r="F57" s="40">
        <v>751</v>
      </c>
      <c r="G57" s="40">
        <v>8404</v>
      </c>
      <c r="H57" s="40">
        <v>15</v>
      </c>
      <c r="I57" s="41">
        <v>306</v>
      </c>
    </row>
    <row r="58" spans="1:9" s="26" customFormat="1" ht="15.95" customHeight="1">
      <c r="A58" s="32"/>
      <c r="B58" s="32"/>
      <c r="C58" s="31"/>
      <c r="D58" s="23"/>
      <c r="E58" s="23"/>
      <c r="F58" s="23"/>
      <c r="G58" s="23"/>
      <c r="H58" s="23"/>
      <c r="I58" s="24"/>
    </row>
    <row r="59" spans="1:9" ht="15.95" customHeight="1">
      <c r="A59" s="46">
        <v>22</v>
      </c>
      <c r="B59" s="47"/>
      <c r="C59" s="29" t="s">
        <v>2</v>
      </c>
      <c r="D59" s="19">
        <v>900</v>
      </c>
      <c r="E59" s="20">
        <v>13286</v>
      </c>
      <c r="F59" s="20">
        <v>885</v>
      </c>
      <c r="G59" s="20">
        <v>12980</v>
      </c>
      <c r="H59" s="20">
        <v>15</v>
      </c>
      <c r="I59" s="21">
        <v>306</v>
      </c>
    </row>
    <row r="60" spans="1:9" ht="15.95" customHeight="1">
      <c r="A60" s="46"/>
      <c r="B60" s="47"/>
      <c r="C60" s="30" t="s">
        <v>0</v>
      </c>
      <c r="D60" s="22">
        <v>30</v>
      </c>
      <c r="E60" s="23">
        <v>2241</v>
      </c>
      <c r="F60" s="23">
        <v>30</v>
      </c>
      <c r="G60" s="23">
        <v>2241</v>
      </c>
      <c r="H60" s="23">
        <v>0</v>
      </c>
      <c r="I60" s="24">
        <v>0</v>
      </c>
    </row>
    <row r="61" spans="1:9" ht="15.95" customHeight="1">
      <c r="A61" s="46"/>
      <c r="B61" s="47"/>
      <c r="C61" s="30" t="s">
        <v>8</v>
      </c>
      <c r="D61" s="22">
        <v>42</v>
      </c>
      <c r="E61" s="23">
        <v>1159</v>
      </c>
      <c r="F61" s="23">
        <v>42</v>
      </c>
      <c r="G61" s="23">
        <v>1159</v>
      </c>
      <c r="H61" s="23">
        <v>0</v>
      </c>
      <c r="I61" s="24">
        <v>0</v>
      </c>
    </row>
    <row r="62" spans="1:9" ht="15.95" customHeight="1">
      <c r="A62" s="46"/>
      <c r="B62" s="47"/>
      <c r="C62" s="30" t="s">
        <v>10</v>
      </c>
      <c r="D62" s="22">
        <v>62</v>
      </c>
      <c r="E62" s="23">
        <v>1176</v>
      </c>
      <c r="F62" s="23">
        <v>62</v>
      </c>
      <c r="G62" s="23">
        <v>1176</v>
      </c>
      <c r="H62" s="23">
        <v>0</v>
      </c>
      <c r="I62" s="24">
        <v>0</v>
      </c>
    </row>
    <row r="63" spans="1:9" ht="15.95" customHeight="1">
      <c r="A63" s="46"/>
      <c r="B63" s="47"/>
      <c r="C63" s="42" t="s">
        <v>1</v>
      </c>
      <c r="D63" s="39">
        <v>766</v>
      </c>
      <c r="E63" s="40">
        <v>8710</v>
      </c>
      <c r="F63" s="40">
        <v>751</v>
      </c>
      <c r="G63" s="40">
        <v>8404</v>
      </c>
      <c r="H63" s="40">
        <v>15</v>
      </c>
      <c r="I63" s="41">
        <v>306</v>
      </c>
    </row>
    <row r="64" spans="1:9" s="26" customFormat="1" ht="15.95" customHeight="1">
      <c r="A64" s="32"/>
      <c r="B64" s="32"/>
      <c r="C64" s="31"/>
      <c r="D64" s="23"/>
      <c r="E64" s="23"/>
      <c r="F64" s="23"/>
      <c r="G64" s="23"/>
      <c r="H64" s="23"/>
      <c r="I64" s="24"/>
    </row>
    <row r="65" spans="1:9" ht="15.95" customHeight="1">
      <c r="A65" s="46">
        <v>23</v>
      </c>
      <c r="B65" s="47"/>
      <c r="C65" s="29" t="s">
        <v>2</v>
      </c>
      <c r="D65" s="19">
        <v>901</v>
      </c>
      <c r="E65" s="20">
        <v>13295</v>
      </c>
      <c r="F65" s="20">
        <v>886</v>
      </c>
      <c r="G65" s="20">
        <v>12989</v>
      </c>
      <c r="H65" s="20">
        <v>15</v>
      </c>
      <c r="I65" s="21">
        <v>306</v>
      </c>
    </row>
    <row r="66" spans="1:9" ht="15.95" customHeight="1">
      <c r="A66" s="46"/>
      <c r="B66" s="47"/>
      <c r="C66" s="30" t="s">
        <v>0</v>
      </c>
      <c r="D66" s="22">
        <v>30</v>
      </c>
      <c r="E66" s="23">
        <v>2241</v>
      </c>
      <c r="F66" s="23">
        <v>30</v>
      </c>
      <c r="G66" s="23">
        <v>2241</v>
      </c>
      <c r="H66" s="23">
        <v>0</v>
      </c>
      <c r="I66" s="24">
        <v>0</v>
      </c>
    </row>
    <row r="67" spans="1:9" ht="15.95" customHeight="1">
      <c r="A67" s="46"/>
      <c r="B67" s="47"/>
      <c r="C67" s="30" t="s">
        <v>8</v>
      </c>
      <c r="D67" s="22">
        <v>42</v>
      </c>
      <c r="E67" s="23">
        <v>1163</v>
      </c>
      <c r="F67" s="23">
        <v>42</v>
      </c>
      <c r="G67" s="23">
        <v>1163</v>
      </c>
      <c r="H67" s="23">
        <v>0</v>
      </c>
      <c r="I67" s="24">
        <v>0</v>
      </c>
    </row>
    <row r="68" spans="1:9" ht="15.95" customHeight="1">
      <c r="A68" s="46"/>
      <c r="B68" s="47"/>
      <c r="C68" s="30" t="s">
        <v>10</v>
      </c>
      <c r="D68" s="22">
        <v>63</v>
      </c>
      <c r="E68" s="23">
        <v>1181</v>
      </c>
      <c r="F68" s="23">
        <v>63</v>
      </c>
      <c r="G68" s="23">
        <v>1181</v>
      </c>
      <c r="H68" s="23">
        <v>0</v>
      </c>
      <c r="I68" s="24">
        <v>0</v>
      </c>
    </row>
    <row r="69" spans="1:9" ht="15.95" customHeight="1">
      <c r="A69" s="46"/>
      <c r="B69" s="47"/>
      <c r="C69" s="42" t="s">
        <v>1</v>
      </c>
      <c r="D69" s="39">
        <v>766</v>
      </c>
      <c r="E69" s="40">
        <v>8710</v>
      </c>
      <c r="F69" s="40">
        <v>751</v>
      </c>
      <c r="G69" s="40">
        <v>8404</v>
      </c>
      <c r="H69" s="40">
        <v>15</v>
      </c>
      <c r="I69" s="41">
        <v>306</v>
      </c>
    </row>
    <row r="70" spans="1:9" ht="15.95" customHeight="1">
      <c r="A70" s="32"/>
      <c r="B70" s="32"/>
      <c r="C70" s="31"/>
      <c r="D70" s="23"/>
      <c r="E70" s="23"/>
      <c r="F70" s="23"/>
      <c r="G70" s="23"/>
      <c r="H70" s="23"/>
      <c r="I70" s="24"/>
    </row>
    <row r="71" spans="1:9" s="33" customFormat="1" ht="15.95" customHeight="1">
      <c r="A71" s="46">
        <v>24</v>
      </c>
      <c r="B71" s="47"/>
      <c r="C71" s="29" t="s">
        <v>2</v>
      </c>
      <c r="D71" s="19">
        <v>901</v>
      </c>
      <c r="E71" s="64">
        <v>13295</v>
      </c>
      <c r="F71" s="20">
        <v>886</v>
      </c>
      <c r="G71" s="20">
        <v>12989</v>
      </c>
      <c r="H71" s="20">
        <v>15</v>
      </c>
      <c r="I71" s="65">
        <v>306</v>
      </c>
    </row>
    <row r="72" spans="1:9" s="33" customFormat="1" ht="15.95" customHeight="1">
      <c r="A72" s="46"/>
      <c r="B72" s="47"/>
      <c r="C72" s="30" t="s">
        <v>0</v>
      </c>
      <c r="D72" s="22">
        <v>30</v>
      </c>
      <c r="E72" s="23">
        <v>2241</v>
      </c>
      <c r="F72" s="23">
        <v>30</v>
      </c>
      <c r="G72" s="23">
        <v>2241</v>
      </c>
      <c r="H72" s="23">
        <v>0</v>
      </c>
      <c r="I72" s="24">
        <v>0</v>
      </c>
    </row>
    <row r="73" spans="1:9" s="33" customFormat="1" ht="15.95" customHeight="1">
      <c r="A73" s="46"/>
      <c r="B73" s="47"/>
      <c r="C73" s="30" t="s">
        <v>8</v>
      </c>
      <c r="D73" s="22">
        <v>42</v>
      </c>
      <c r="E73" s="23">
        <v>1163</v>
      </c>
      <c r="F73" s="23">
        <v>42</v>
      </c>
      <c r="G73" s="23">
        <v>1163</v>
      </c>
      <c r="H73" s="23">
        <v>0</v>
      </c>
      <c r="I73" s="24">
        <v>0</v>
      </c>
    </row>
    <row r="74" spans="1:9" s="33" customFormat="1" ht="15.95" customHeight="1">
      <c r="A74" s="46"/>
      <c r="B74" s="47"/>
      <c r="C74" s="30" t="s">
        <v>10</v>
      </c>
      <c r="D74" s="22">
        <v>63</v>
      </c>
      <c r="E74" s="23">
        <v>1181</v>
      </c>
      <c r="F74" s="23">
        <v>63</v>
      </c>
      <c r="G74" s="23">
        <v>1181</v>
      </c>
      <c r="H74" s="23">
        <v>0</v>
      </c>
      <c r="I74" s="24">
        <v>0</v>
      </c>
    </row>
    <row r="75" spans="1:9" s="33" customFormat="1" ht="15.95" customHeight="1">
      <c r="A75" s="46"/>
      <c r="B75" s="47"/>
      <c r="C75" s="42" t="s">
        <v>1</v>
      </c>
      <c r="D75" s="39">
        <v>766</v>
      </c>
      <c r="E75" s="40">
        <v>8710</v>
      </c>
      <c r="F75" s="40">
        <v>751</v>
      </c>
      <c r="G75" s="40">
        <v>8404</v>
      </c>
      <c r="H75" s="40">
        <v>15</v>
      </c>
      <c r="I75" s="66">
        <v>306</v>
      </c>
    </row>
    <row r="76" spans="1:9" s="33" customFormat="1" ht="15.95" customHeight="1">
      <c r="A76" s="43"/>
      <c r="B76" s="43"/>
      <c r="C76" s="44"/>
      <c r="D76" s="40"/>
      <c r="E76" s="40"/>
      <c r="F76" s="40"/>
      <c r="G76" s="40"/>
      <c r="H76" s="40"/>
      <c r="I76" s="41"/>
    </row>
    <row r="77" spans="1:9" s="33" customFormat="1" ht="15.95" customHeight="1">
      <c r="A77" s="46">
        <v>25</v>
      </c>
      <c r="B77" s="47"/>
      <c r="C77" s="29" t="s">
        <v>2</v>
      </c>
      <c r="D77" s="19">
        <v>869</v>
      </c>
      <c r="E77" s="20">
        <v>13523</v>
      </c>
      <c r="F77" s="20">
        <v>861</v>
      </c>
      <c r="G77" s="20">
        <v>13434</v>
      </c>
      <c r="H77" s="20">
        <v>8</v>
      </c>
      <c r="I77" s="21">
        <v>89</v>
      </c>
    </row>
    <row r="78" spans="1:9" s="33" customFormat="1" ht="15.95" customHeight="1">
      <c r="A78" s="46"/>
      <c r="B78" s="47"/>
      <c r="C78" s="30" t="s">
        <v>0</v>
      </c>
      <c r="D78" s="22">
        <v>30</v>
      </c>
      <c r="E78" s="23">
        <v>2241</v>
      </c>
      <c r="F78" s="23">
        <v>30</v>
      </c>
      <c r="G78" s="23">
        <v>2241</v>
      </c>
      <c r="H78" s="23">
        <v>0</v>
      </c>
      <c r="I78" s="24">
        <v>0</v>
      </c>
    </row>
    <row r="79" spans="1:9" s="33" customFormat="1" ht="15.95" customHeight="1">
      <c r="A79" s="46"/>
      <c r="B79" s="47"/>
      <c r="C79" s="30" t="s">
        <v>8</v>
      </c>
      <c r="D79" s="67">
        <v>39</v>
      </c>
      <c r="E79" s="68">
        <v>1146</v>
      </c>
      <c r="F79" s="23">
        <v>39</v>
      </c>
      <c r="G79" s="23">
        <v>1146</v>
      </c>
      <c r="H79" s="23">
        <v>0</v>
      </c>
      <c r="I79" s="24">
        <v>0</v>
      </c>
    </row>
    <row r="80" spans="1:9" s="33" customFormat="1" ht="15.95" customHeight="1">
      <c r="A80" s="46"/>
      <c r="B80" s="47"/>
      <c r="C80" s="30" t="s">
        <v>10</v>
      </c>
      <c r="D80" s="22">
        <v>63</v>
      </c>
      <c r="E80" s="23">
        <v>1181</v>
      </c>
      <c r="F80" s="23">
        <v>63</v>
      </c>
      <c r="G80" s="23">
        <v>1181</v>
      </c>
      <c r="H80" s="23">
        <v>0</v>
      </c>
      <c r="I80" s="24">
        <v>0</v>
      </c>
    </row>
    <row r="81" spans="1:10" s="33" customFormat="1" ht="15.95" customHeight="1">
      <c r="A81" s="46"/>
      <c r="B81" s="47"/>
      <c r="C81" s="42" t="s">
        <v>1</v>
      </c>
      <c r="D81" s="39">
        <v>737</v>
      </c>
      <c r="E81" s="40">
        <v>8955</v>
      </c>
      <c r="F81" s="40">
        <v>729</v>
      </c>
      <c r="G81" s="40">
        <v>8866</v>
      </c>
      <c r="H81" s="40">
        <v>8</v>
      </c>
      <c r="I81" s="41">
        <v>89</v>
      </c>
    </row>
    <row r="82" spans="1:10" ht="15.95" customHeight="1">
      <c r="A82" s="32"/>
      <c r="B82" s="32"/>
      <c r="C82" s="31"/>
      <c r="D82" s="23"/>
      <c r="E82" s="23"/>
      <c r="F82" s="23"/>
      <c r="G82" s="23"/>
      <c r="H82" s="23"/>
      <c r="I82" s="24"/>
    </row>
    <row r="83" spans="1:10" s="33" customFormat="1" ht="15.95" customHeight="1">
      <c r="A83" s="46">
        <v>26</v>
      </c>
      <c r="B83" s="47"/>
      <c r="C83" s="29" t="s">
        <v>2</v>
      </c>
      <c r="D83" s="19">
        <v>871</v>
      </c>
      <c r="E83" s="20">
        <v>13559</v>
      </c>
      <c r="F83" s="20">
        <v>863</v>
      </c>
      <c r="G83" s="20">
        <v>13470</v>
      </c>
      <c r="H83" s="20">
        <v>8</v>
      </c>
      <c r="I83" s="21">
        <v>89</v>
      </c>
    </row>
    <row r="84" spans="1:10" s="33" customFormat="1" ht="15.95" customHeight="1">
      <c r="A84" s="46"/>
      <c r="B84" s="47"/>
      <c r="C84" s="30" t="s">
        <v>0</v>
      </c>
      <c r="D84" s="22">
        <v>30</v>
      </c>
      <c r="E84" s="23">
        <v>2241</v>
      </c>
      <c r="F84" s="23">
        <v>30</v>
      </c>
      <c r="G84" s="23">
        <v>2241</v>
      </c>
      <c r="H84" s="23">
        <v>0</v>
      </c>
      <c r="I84" s="24">
        <v>0</v>
      </c>
    </row>
    <row r="85" spans="1:10" s="33" customFormat="1" ht="15.95" customHeight="1">
      <c r="A85" s="46"/>
      <c r="B85" s="47"/>
      <c r="C85" s="30" t="s">
        <v>8</v>
      </c>
      <c r="D85" s="22">
        <v>39</v>
      </c>
      <c r="E85" s="23">
        <v>1146</v>
      </c>
      <c r="F85" s="23">
        <v>39</v>
      </c>
      <c r="G85" s="23">
        <v>1146</v>
      </c>
      <c r="H85" s="23">
        <v>0</v>
      </c>
      <c r="I85" s="24">
        <v>0</v>
      </c>
    </row>
    <row r="86" spans="1:10" s="33" customFormat="1" ht="15.95" customHeight="1">
      <c r="A86" s="46"/>
      <c r="B86" s="47"/>
      <c r="C86" s="30" t="s">
        <v>10</v>
      </c>
      <c r="D86" s="22">
        <v>63</v>
      </c>
      <c r="E86" s="23">
        <v>1181</v>
      </c>
      <c r="F86" s="23">
        <v>63</v>
      </c>
      <c r="G86" s="23">
        <v>1181</v>
      </c>
      <c r="H86" s="23">
        <v>0</v>
      </c>
      <c r="I86" s="24">
        <v>0</v>
      </c>
    </row>
    <row r="87" spans="1:10" s="33" customFormat="1" ht="15.95" customHeight="1">
      <c r="A87" s="46"/>
      <c r="B87" s="47"/>
      <c r="C87" s="42" t="s">
        <v>1</v>
      </c>
      <c r="D87" s="39">
        <v>739</v>
      </c>
      <c r="E87" s="40">
        <v>8991</v>
      </c>
      <c r="F87" s="40">
        <v>731</v>
      </c>
      <c r="G87" s="40">
        <v>8902</v>
      </c>
      <c r="H87" s="40">
        <v>8</v>
      </c>
      <c r="I87" s="41">
        <v>89</v>
      </c>
    </row>
    <row r="88" spans="1:10" ht="15.95" customHeight="1">
      <c r="A88" s="32"/>
      <c r="B88" s="32"/>
      <c r="C88" s="31"/>
      <c r="D88" s="23"/>
      <c r="E88" s="23"/>
      <c r="F88" s="23"/>
      <c r="G88" s="23"/>
      <c r="H88" s="23"/>
      <c r="I88" s="24"/>
    </row>
    <row r="89" spans="1:10" s="33" customFormat="1" ht="15.95" customHeight="1">
      <c r="A89" s="46">
        <v>27</v>
      </c>
      <c r="B89" s="47"/>
      <c r="C89" s="29" t="s">
        <v>2</v>
      </c>
      <c r="D89" s="19">
        <v>874</v>
      </c>
      <c r="E89" s="20">
        <v>13587</v>
      </c>
      <c r="F89" s="20">
        <v>866</v>
      </c>
      <c r="G89" s="20">
        <v>13498</v>
      </c>
      <c r="H89" s="20">
        <v>8</v>
      </c>
      <c r="I89" s="21">
        <v>89</v>
      </c>
    </row>
    <row r="90" spans="1:10" s="33" customFormat="1" ht="15.95" customHeight="1">
      <c r="A90" s="46"/>
      <c r="B90" s="47"/>
      <c r="C90" s="30" t="s">
        <v>0</v>
      </c>
      <c r="D90" s="22">
        <v>30</v>
      </c>
      <c r="E90" s="23">
        <v>2241</v>
      </c>
      <c r="F90" s="23">
        <v>30</v>
      </c>
      <c r="G90" s="23">
        <v>2241</v>
      </c>
      <c r="H90" s="23">
        <v>0</v>
      </c>
      <c r="I90" s="24">
        <v>0</v>
      </c>
    </row>
    <row r="91" spans="1:10" s="33" customFormat="1" ht="15.95" customHeight="1">
      <c r="A91" s="46"/>
      <c r="B91" s="47"/>
      <c r="C91" s="30" t="s">
        <v>8</v>
      </c>
      <c r="D91" s="22">
        <v>39</v>
      </c>
      <c r="E91" s="23">
        <v>1146</v>
      </c>
      <c r="F91" s="23">
        <v>39</v>
      </c>
      <c r="G91" s="23">
        <v>1146</v>
      </c>
      <c r="H91" s="23">
        <v>0</v>
      </c>
      <c r="I91" s="24">
        <v>0</v>
      </c>
    </row>
    <row r="92" spans="1:10" s="33" customFormat="1" ht="15.95" customHeight="1">
      <c r="A92" s="46"/>
      <c r="B92" s="47"/>
      <c r="C92" s="30" t="s">
        <v>10</v>
      </c>
      <c r="D92" s="22">
        <v>63</v>
      </c>
      <c r="E92" s="23">
        <v>1181</v>
      </c>
      <c r="F92" s="23">
        <v>63</v>
      </c>
      <c r="G92" s="23">
        <v>1181</v>
      </c>
      <c r="H92" s="23">
        <v>0</v>
      </c>
      <c r="I92" s="24">
        <v>0</v>
      </c>
    </row>
    <row r="93" spans="1:10" s="33" customFormat="1" ht="15.95" customHeight="1">
      <c r="A93" s="46"/>
      <c r="B93" s="47"/>
      <c r="C93" s="42" t="s">
        <v>1</v>
      </c>
      <c r="D93" s="39">
        <v>742</v>
      </c>
      <c r="E93" s="40">
        <v>9019</v>
      </c>
      <c r="F93" s="40">
        <v>734</v>
      </c>
      <c r="G93" s="40">
        <v>8930</v>
      </c>
      <c r="H93" s="40">
        <v>8</v>
      </c>
      <c r="I93" s="41">
        <v>89</v>
      </c>
      <c r="J93" s="34"/>
    </row>
    <row r="95" spans="1:10" s="33" customFormat="1" ht="15.95" customHeight="1">
      <c r="A95" s="46">
        <v>28</v>
      </c>
      <c r="B95" s="47"/>
      <c r="C95" s="29" t="s">
        <v>2</v>
      </c>
      <c r="D95" s="19">
        <v>874</v>
      </c>
      <c r="E95" s="20">
        <v>13597</v>
      </c>
      <c r="F95" s="20">
        <v>866</v>
      </c>
      <c r="G95" s="20">
        <v>13508</v>
      </c>
      <c r="H95" s="20">
        <v>8</v>
      </c>
      <c r="I95" s="21">
        <v>89</v>
      </c>
    </row>
    <row r="96" spans="1:10" s="33" customFormat="1" ht="15.95" customHeight="1">
      <c r="A96" s="46"/>
      <c r="B96" s="47"/>
      <c r="C96" s="30" t="s">
        <v>0</v>
      </c>
      <c r="D96" s="22">
        <v>30</v>
      </c>
      <c r="E96" s="23">
        <v>2241</v>
      </c>
      <c r="F96" s="23">
        <v>30</v>
      </c>
      <c r="G96" s="23">
        <v>2241</v>
      </c>
      <c r="H96" s="23">
        <v>0</v>
      </c>
      <c r="I96" s="24">
        <v>0</v>
      </c>
    </row>
    <row r="97" spans="1:9" s="33" customFormat="1" ht="15.95" customHeight="1">
      <c r="A97" s="46"/>
      <c r="B97" s="47"/>
      <c r="C97" s="30" t="s">
        <v>8</v>
      </c>
      <c r="D97" s="22">
        <v>39</v>
      </c>
      <c r="E97" s="23">
        <v>1146</v>
      </c>
      <c r="F97" s="23">
        <v>39</v>
      </c>
      <c r="G97" s="23">
        <v>1146</v>
      </c>
      <c r="H97" s="23">
        <v>0</v>
      </c>
      <c r="I97" s="24">
        <v>0</v>
      </c>
    </row>
    <row r="98" spans="1:9" s="33" customFormat="1" ht="15.95" customHeight="1">
      <c r="A98" s="46"/>
      <c r="B98" s="47"/>
      <c r="C98" s="30" t="s">
        <v>10</v>
      </c>
      <c r="D98" s="22">
        <v>63</v>
      </c>
      <c r="E98" s="23">
        <v>1181</v>
      </c>
      <c r="F98" s="23">
        <v>63</v>
      </c>
      <c r="G98" s="23">
        <v>1181</v>
      </c>
      <c r="H98" s="23">
        <v>0</v>
      </c>
      <c r="I98" s="24">
        <v>0</v>
      </c>
    </row>
    <row r="99" spans="1:9" s="33" customFormat="1" ht="15.95" customHeight="1">
      <c r="A99" s="46"/>
      <c r="B99" s="47"/>
      <c r="C99" s="42" t="s">
        <v>1</v>
      </c>
      <c r="D99" s="39">
        <v>742</v>
      </c>
      <c r="E99" s="40">
        <v>9029</v>
      </c>
      <c r="F99" s="40">
        <v>734</v>
      </c>
      <c r="G99" s="40">
        <v>8940</v>
      </c>
      <c r="H99" s="40">
        <v>8</v>
      </c>
      <c r="I99" s="41">
        <v>89</v>
      </c>
    </row>
    <row r="101" spans="1:9" ht="20.100000000000001" customHeight="1">
      <c r="A101" s="46">
        <v>29</v>
      </c>
      <c r="B101" s="47"/>
      <c r="C101" s="29" t="s">
        <v>2</v>
      </c>
      <c r="D101" s="19">
        <v>871</v>
      </c>
      <c r="E101" s="20">
        <v>13559</v>
      </c>
      <c r="F101" s="20">
        <v>863</v>
      </c>
      <c r="G101" s="20">
        <v>13470</v>
      </c>
      <c r="H101" s="20">
        <v>8</v>
      </c>
      <c r="I101" s="21">
        <v>89</v>
      </c>
    </row>
    <row r="102" spans="1:9" ht="20.100000000000001" customHeight="1">
      <c r="A102" s="46"/>
      <c r="B102" s="47"/>
      <c r="C102" s="30" t="s">
        <v>0</v>
      </c>
      <c r="D102" s="22">
        <v>30</v>
      </c>
      <c r="E102" s="23">
        <v>2241</v>
      </c>
      <c r="F102" s="23">
        <v>30</v>
      </c>
      <c r="G102" s="23">
        <v>2241</v>
      </c>
      <c r="H102" s="23">
        <v>0</v>
      </c>
      <c r="I102" s="24">
        <v>0</v>
      </c>
    </row>
    <row r="103" spans="1:9" ht="20.100000000000001" customHeight="1">
      <c r="A103" s="46"/>
      <c r="B103" s="47"/>
      <c r="C103" s="30" t="s">
        <v>8</v>
      </c>
      <c r="D103" s="22">
        <v>39</v>
      </c>
      <c r="E103" s="23">
        <v>1146</v>
      </c>
      <c r="F103" s="23">
        <v>39</v>
      </c>
      <c r="G103" s="23">
        <v>1146</v>
      </c>
      <c r="H103" s="23">
        <v>0</v>
      </c>
      <c r="I103" s="24">
        <v>0</v>
      </c>
    </row>
    <row r="104" spans="1:9" ht="20.100000000000001" customHeight="1">
      <c r="A104" s="46"/>
      <c r="B104" s="47"/>
      <c r="C104" s="30" t="s">
        <v>10</v>
      </c>
      <c r="D104" s="22">
        <v>63</v>
      </c>
      <c r="E104" s="23">
        <v>1181</v>
      </c>
      <c r="F104" s="23">
        <v>63</v>
      </c>
      <c r="G104" s="23">
        <v>1181</v>
      </c>
      <c r="H104" s="23">
        <v>0</v>
      </c>
      <c r="I104" s="24">
        <v>0</v>
      </c>
    </row>
    <row r="105" spans="1:9" ht="20.100000000000001" customHeight="1">
      <c r="A105" s="46"/>
      <c r="B105" s="47"/>
      <c r="C105" s="42" t="s">
        <v>1</v>
      </c>
      <c r="D105" s="39">
        <v>739</v>
      </c>
      <c r="E105" s="40">
        <v>8991</v>
      </c>
      <c r="F105" s="40">
        <v>731</v>
      </c>
      <c r="G105" s="40">
        <v>8902</v>
      </c>
      <c r="H105" s="40">
        <v>8</v>
      </c>
      <c r="I105" s="41">
        <v>89</v>
      </c>
    </row>
    <row r="107" spans="1:9" ht="20.100000000000001" customHeight="1">
      <c r="A107" s="46">
        <v>30</v>
      </c>
      <c r="B107" s="47"/>
      <c r="C107" s="29" t="s">
        <v>2</v>
      </c>
      <c r="D107" s="19">
        <v>868</v>
      </c>
      <c r="E107" s="20">
        <v>13467</v>
      </c>
      <c r="F107" s="20">
        <v>863</v>
      </c>
      <c r="G107" s="20">
        <v>13420</v>
      </c>
      <c r="H107" s="20">
        <v>5</v>
      </c>
      <c r="I107" s="21">
        <v>47</v>
      </c>
    </row>
    <row r="108" spans="1:9" ht="20.100000000000001" customHeight="1">
      <c r="A108" s="46"/>
      <c r="B108" s="47"/>
      <c r="C108" s="30" t="s">
        <v>0</v>
      </c>
      <c r="D108" s="22">
        <v>30</v>
      </c>
      <c r="E108" s="23">
        <v>2241</v>
      </c>
      <c r="F108" s="23">
        <v>30</v>
      </c>
      <c r="G108" s="23">
        <v>2241</v>
      </c>
      <c r="H108" s="23">
        <v>0</v>
      </c>
      <c r="I108" s="24">
        <v>0</v>
      </c>
    </row>
    <row r="109" spans="1:9" ht="20.100000000000001" customHeight="1">
      <c r="A109" s="46"/>
      <c r="B109" s="47"/>
      <c r="C109" s="30" t="s">
        <v>8</v>
      </c>
      <c r="D109" s="22">
        <v>39</v>
      </c>
      <c r="E109" s="23">
        <v>1135</v>
      </c>
      <c r="F109" s="23">
        <v>39</v>
      </c>
      <c r="G109" s="23">
        <v>1135</v>
      </c>
      <c r="H109" s="23">
        <v>0</v>
      </c>
      <c r="I109" s="24">
        <v>0</v>
      </c>
    </row>
    <row r="110" spans="1:9" ht="20.100000000000001" customHeight="1">
      <c r="A110" s="46"/>
      <c r="B110" s="47"/>
      <c r="C110" s="30" t="s">
        <v>10</v>
      </c>
      <c r="D110" s="22">
        <v>63</v>
      </c>
      <c r="E110" s="23">
        <v>1181</v>
      </c>
      <c r="F110" s="23">
        <v>63</v>
      </c>
      <c r="G110" s="23">
        <v>1181</v>
      </c>
      <c r="H110" s="23">
        <v>0</v>
      </c>
      <c r="I110" s="24">
        <v>0</v>
      </c>
    </row>
    <row r="111" spans="1:9" ht="20.100000000000001" customHeight="1">
      <c r="A111" s="46"/>
      <c r="B111" s="47"/>
      <c r="C111" s="42" t="s">
        <v>1</v>
      </c>
      <c r="D111" s="39">
        <v>736</v>
      </c>
      <c r="E111" s="40">
        <v>8910</v>
      </c>
      <c r="F111" s="40">
        <v>731</v>
      </c>
      <c r="G111" s="40">
        <v>8863</v>
      </c>
      <c r="H111" s="40">
        <v>5</v>
      </c>
      <c r="I111" s="41">
        <v>47</v>
      </c>
    </row>
    <row r="113" spans="1:9" ht="20.100000000000001" customHeight="1">
      <c r="A113" s="46">
        <v>31</v>
      </c>
      <c r="B113" s="47"/>
      <c r="C113" s="29" t="s">
        <v>2</v>
      </c>
      <c r="D113" s="19">
        <f>SUM(H113,F113)</f>
        <v>868</v>
      </c>
      <c r="E113" s="20">
        <f>SUM(I113,G113)</f>
        <v>13467</v>
      </c>
      <c r="F113" s="20">
        <f>SUM(F114:F117)</f>
        <v>863</v>
      </c>
      <c r="G113" s="20">
        <f>SUM(G114:G117)</f>
        <v>13420</v>
      </c>
      <c r="H113" s="20">
        <f>SUM(H114:H117)</f>
        <v>5</v>
      </c>
      <c r="I113" s="21">
        <f>SUM(I114:I117)</f>
        <v>47</v>
      </c>
    </row>
    <row r="114" spans="1:9" ht="20.100000000000001" customHeight="1">
      <c r="A114" s="46"/>
      <c r="B114" s="47"/>
      <c r="C114" s="30" t="s">
        <v>0</v>
      </c>
      <c r="D114" s="22">
        <v>30</v>
      </c>
      <c r="E114" s="23">
        <v>2241</v>
      </c>
      <c r="F114" s="23">
        <v>30</v>
      </c>
      <c r="G114" s="23">
        <v>2241</v>
      </c>
      <c r="H114" s="23">
        <v>0</v>
      </c>
      <c r="I114" s="24">
        <v>0</v>
      </c>
    </row>
    <row r="115" spans="1:9" ht="20.100000000000001" customHeight="1">
      <c r="A115" s="46"/>
      <c r="B115" s="47"/>
      <c r="C115" s="30" t="s">
        <v>8</v>
      </c>
      <c r="D115" s="22">
        <v>39</v>
      </c>
      <c r="E115" s="23">
        <v>1135</v>
      </c>
      <c r="F115" s="23">
        <v>39</v>
      </c>
      <c r="G115" s="23">
        <v>1135</v>
      </c>
      <c r="H115" s="23">
        <v>0</v>
      </c>
      <c r="I115" s="24">
        <v>0</v>
      </c>
    </row>
    <row r="116" spans="1:9" ht="20.100000000000001" customHeight="1">
      <c r="A116" s="46"/>
      <c r="B116" s="47"/>
      <c r="C116" s="30" t="s">
        <v>10</v>
      </c>
      <c r="D116" s="22">
        <v>63</v>
      </c>
      <c r="E116" s="23">
        <v>1181</v>
      </c>
      <c r="F116" s="23">
        <v>63</v>
      </c>
      <c r="G116" s="23">
        <v>1181</v>
      </c>
      <c r="H116" s="23">
        <v>0</v>
      </c>
      <c r="I116" s="24">
        <v>0</v>
      </c>
    </row>
    <row r="117" spans="1:9" ht="20.100000000000001" customHeight="1">
      <c r="A117" s="46"/>
      <c r="B117" s="47"/>
      <c r="C117" s="42" t="s">
        <v>1</v>
      </c>
      <c r="D117" s="39">
        <v>736</v>
      </c>
      <c r="E117" s="40">
        <v>8910</v>
      </c>
      <c r="F117" s="40">
        <v>731</v>
      </c>
      <c r="G117" s="40">
        <v>8863</v>
      </c>
      <c r="H117" s="40">
        <v>5</v>
      </c>
      <c r="I117" s="41">
        <v>47</v>
      </c>
    </row>
    <row r="118" spans="1:9" ht="20.100000000000001" customHeight="1">
      <c r="A118" s="45" t="s">
        <v>13</v>
      </c>
    </row>
  </sheetData>
  <mergeCells count="24">
    <mergeCell ref="A11:B15"/>
    <mergeCell ref="C3:C4"/>
    <mergeCell ref="H3:I3"/>
    <mergeCell ref="D3:E3"/>
    <mergeCell ref="F3:G3"/>
    <mergeCell ref="A5:B9"/>
    <mergeCell ref="A3:B4"/>
    <mergeCell ref="A29:B33"/>
    <mergeCell ref="A83:B87"/>
    <mergeCell ref="A77:B81"/>
    <mergeCell ref="A17:B21"/>
    <mergeCell ref="A23:B27"/>
    <mergeCell ref="A35:B39"/>
    <mergeCell ref="A59:B63"/>
    <mergeCell ref="A65:B69"/>
    <mergeCell ref="A71:B75"/>
    <mergeCell ref="A41:B45"/>
    <mergeCell ref="A47:B51"/>
    <mergeCell ref="A53:B57"/>
    <mergeCell ref="A107:B111"/>
    <mergeCell ref="A101:B105"/>
    <mergeCell ref="A113:B117"/>
    <mergeCell ref="A95:B99"/>
    <mergeCell ref="A89:B93"/>
  </mergeCells>
  <phoneticPr fontId="2"/>
  <printOptions horizontalCentered="1"/>
  <pageMargins left="0.59055118110236227" right="0.59055118110236227" top="0.39370078740157483" bottom="0.39370078740157483" header="0.39370078740157483" footer="0.47244094488188981"/>
  <pageSetup paperSize="9" fitToHeight="0" orientation="portrait" r:id="rId1"/>
  <headerFooter alignWithMargins="0"/>
  <rowBreaks count="2" manualBreakCount="2">
    <brk id="52" max="16383" man="1"/>
    <brk id="10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6-2</vt:lpstr>
      <vt:lpstr>'26-2'!Print_Area</vt:lpstr>
      <vt:lpstr>'26-2'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統計－建設</dc:title>
  <dc:creator>統計係</dc:creator>
  <cp:lastModifiedBy>Administrator</cp:lastModifiedBy>
  <cp:lastPrinted>2021-02-04T00:50:03Z</cp:lastPrinted>
  <dcterms:created xsi:type="dcterms:W3CDTF">1997-01-08T22:48:59Z</dcterms:created>
  <dcterms:modified xsi:type="dcterms:W3CDTF">2021-02-04T00:51:18Z</dcterms:modified>
</cp:coreProperties>
</file>